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ldebroe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3012CCD-1727-CFEB-8E48-44B084336F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0531" y="5182817"/>
            <a:ext cx="1862495" cy="14862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C846DE8-9E58-4933-D02F-72ED9AE38C4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1284" y="4248150"/>
            <a:ext cx="1434321" cy="114458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11-06T07:12:49Z</dcterms:modified>
</cp:coreProperties>
</file>